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の推移\R4\HP\"/>
    </mc:Choice>
  </mc:AlternateContent>
  <xr:revisionPtr revIDLastSave="0" documentId="8_{949C17AC-5D4D-403B-B52A-087DCAD950B2}" xr6:coauthVersionLast="47" xr6:coauthVersionMax="47" xr10:uidLastSave="{00000000-0000-0000-0000-000000000000}"/>
  <bookViews>
    <workbookView xWindow="-108" yWindow="-108" windowWidth="23256" windowHeight="12576" xr2:uid="{B7B53E7B-58B8-43A2-B35C-6C2F436D3A38}"/>
  </bookViews>
  <sheets>
    <sheet name="３．地区別人口・世帯集計表" sheetId="1" r:id="rId1"/>
  </sheets>
  <definedNames>
    <definedName name="_xlnm._FilterDatabase" localSheetId="0" hidden="1">'３．地区別人口・世帯集計表'!$A$2:$I$92</definedName>
    <definedName name="_xlnm.Print_Area" localSheetId="0">'３．地区別人口・世帯集計表'!$A$1:$I$92</definedName>
    <definedName name="_xlnm.Print_Titles" localSheetId="0">'３．地区別人口・世帯集計表'!$2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99" uniqueCount="99">
  <si>
    <r>
      <t>３．富山市地区別人口・世帯集計表</t>
    </r>
    <r>
      <rPr>
        <sz val="10"/>
        <rFont val="ＭＳ ゴシック"/>
        <family val="3"/>
        <charset val="128"/>
      </rPr>
      <t>（各年９月末、住民基本台帳人口）</t>
    </r>
    <rPh sb="2" eb="5">
      <t>トヤマシ</t>
    </rPh>
    <rPh sb="5" eb="7">
      <t>チク</t>
    </rPh>
    <rPh sb="7" eb="8">
      <t>ベツ</t>
    </rPh>
    <rPh sb="8" eb="10">
      <t>ジンコウ</t>
    </rPh>
    <rPh sb="11" eb="13">
      <t>セタイ</t>
    </rPh>
    <rPh sb="13" eb="15">
      <t>シュウケイ</t>
    </rPh>
    <rPh sb="15" eb="16">
      <t>ヒョウ</t>
    </rPh>
    <rPh sb="17" eb="19">
      <t>カクネン</t>
    </rPh>
    <rPh sb="20" eb="21">
      <t>ゲツ</t>
    </rPh>
    <rPh sb="21" eb="22">
      <t>マツ</t>
    </rPh>
    <rPh sb="23" eb="25">
      <t>ジュウミン</t>
    </rPh>
    <rPh sb="25" eb="27">
      <t>キホン</t>
    </rPh>
    <rPh sb="27" eb="29">
      <t>ダイチョウ</t>
    </rPh>
    <rPh sb="29" eb="31">
      <t>ジンコウ</t>
    </rPh>
    <phoneticPr fontId="4"/>
  </si>
  <si>
    <t>R04世帯数</t>
    <rPh sb="3" eb="6">
      <t>セタイスウ</t>
    </rPh>
    <phoneticPr fontId="4"/>
  </si>
  <si>
    <t>R04人口</t>
    <rPh sb="3" eb="5">
      <t>ジンコウ</t>
    </rPh>
    <phoneticPr fontId="4"/>
  </si>
  <si>
    <t>R03世帯数</t>
    <rPh sb="3" eb="6">
      <t>セタイスウ</t>
    </rPh>
    <phoneticPr fontId="4"/>
  </si>
  <si>
    <t>R03人口</t>
    <rPh sb="3" eb="5">
      <t>ジンコウ</t>
    </rPh>
    <phoneticPr fontId="4"/>
  </si>
  <si>
    <r>
      <t xml:space="preserve">世帯数の
増減数
</t>
    </r>
    <r>
      <rPr>
        <sz val="9"/>
        <rFont val="ＭＳ 明朝"/>
        <family val="1"/>
        <charset val="128"/>
      </rPr>
      <t>（R04-R03）</t>
    </r>
    <rPh sb="0" eb="3">
      <t>セタイスウ</t>
    </rPh>
    <rPh sb="5" eb="7">
      <t>ゾウゲン</t>
    </rPh>
    <rPh sb="7" eb="8">
      <t>スウ</t>
    </rPh>
    <phoneticPr fontId="4"/>
  </si>
  <si>
    <r>
      <t xml:space="preserve">人口の
増減数
</t>
    </r>
    <r>
      <rPr>
        <sz val="9"/>
        <rFont val="ＭＳ 明朝"/>
        <family val="1"/>
        <charset val="128"/>
      </rPr>
      <t>（R04-R03）</t>
    </r>
    <rPh sb="0" eb="2">
      <t>ジンコウ</t>
    </rPh>
    <rPh sb="4" eb="6">
      <t>ゾウゲン</t>
    </rPh>
    <rPh sb="6" eb="7">
      <t>スウ</t>
    </rPh>
    <phoneticPr fontId="4"/>
  </si>
  <si>
    <r>
      <t xml:space="preserve">世帯数の
増減率
</t>
    </r>
    <r>
      <rPr>
        <sz val="9"/>
        <rFont val="ＭＳ 明朝"/>
        <family val="1"/>
        <charset val="128"/>
      </rPr>
      <t>（R04/R03）</t>
    </r>
    <rPh sb="0" eb="3">
      <t>セタイスウ</t>
    </rPh>
    <rPh sb="5" eb="7">
      <t>ゾウゲン</t>
    </rPh>
    <rPh sb="7" eb="8">
      <t>リツ</t>
    </rPh>
    <phoneticPr fontId="4"/>
  </si>
  <si>
    <r>
      <t xml:space="preserve">人口の
増減率
</t>
    </r>
    <r>
      <rPr>
        <sz val="9"/>
        <rFont val="ＭＳ 明朝"/>
        <family val="1"/>
        <charset val="128"/>
      </rPr>
      <t>（R04/R03）</t>
    </r>
    <rPh sb="0" eb="2">
      <t>ジンコウ</t>
    </rPh>
    <rPh sb="4" eb="6">
      <t>ゾウゲン</t>
    </rPh>
    <rPh sb="6" eb="7">
      <t>リツ</t>
    </rPh>
    <phoneticPr fontId="4"/>
  </si>
  <si>
    <t>総曲輪</t>
    <phoneticPr fontId="4"/>
  </si>
  <si>
    <t>愛宕</t>
    <phoneticPr fontId="4"/>
  </si>
  <si>
    <t>安野屋</t>
    <phoneticPr fontId="4"/>
  </si>
  <si>
    <t>八人町</t>
    <phoneticPr fontId="4"/>
  </si>
  <si>
    <t>五番町</t>
    <phoneticPr fontId="4"/>
  </si>
  <si>
    <t>柳町</t>
    <phoneticPr fontId="4"/>
  </si>
  <si>
    <t>清水町</t>
    <phoneticPr fontId="4"/>
  </si>
  <si>
    <t>星井町</t>
    <phoneticPr fontId="4"/>
  </si>
  <si>
    <t>西田地方</t>
    <phoneticPr fontId="4"/>
  </si>
  <si>
    <t>堀川</t>
    <phoneticPr fontId="4"/>
  </si>
  <si>
    <t>堀川南</t>
    <phoneticPr fontId="4"/>
  </si>
  <si>
    <t>東部</t>
    <phoneticPr fontId="4"/>
  </si>
  <si>
    <t>奥田</t>
    <phoneticPr fontId="4"/>
  </si>
  <si>
    <t>奥田北</t>
    <phoneticPr fontId="4"/>
  </si>
  <si>
    <t>桜谷</t>
    <phoneticPr fontId="4"/>
  </si>
  <si>
    <t>五福</t>
    <phoneticPr fontId="4"/>
  </si>
  <si>
    <t>神明</t>
    <phoneticPr fontId="4"/>
  </si>
  <si>
    <t>岩瀬</t>
    <phoneticPr fontId="4"/>
  </si>
  <si>
    <t>萩浦</t>
    <phoneticPr fontId="4"/>
  </si>
  <si>
    <t>大広田</t>
    <phoneticPr fontId="4"/>
  </si>
  <si>
    <t>浜黒崎</t>
    <phoneticPr fontId="4"/>
  </si>
  <si>
    <t>針原</t>
    <phoneticPr fontId="4"/>
  </si>
  <si>
    <t>豊田</t>
    <phoneticPr fontId="4"/>
  </si>
  <si>
    <t>広田</t>
    <phoneticPr fontId="4"/>
  </si>
  <si>
    <t>新庄</t>
    <phoneticPr fontId="4"/>
  </si>
  <si>
    <t>藤ノ木</t>
    <phoneticPr fontId="4"/>
  </si>
  <si>
    <t>山室</t>
    <phoneticPr fontId="4"/>
  </si>
  <si>
    <t>山室中部</t>
    <phoneticPr fontId="4"/>
  </si>
  <si>
    <t>太田</t>
    <phoneticPr fontId="4"/>
  </si>
  <si>
    <t>蜷川</t>
    <phoneticPr fontId="4"/>
  </si>
  <si>
    <t>新保</t>
    <phoneticPr fontId="4"/>
  </si>
  <si>
    <t>熊野</t>
    <phoneticPr fontId="4"/>
  </si>
  <si>
    <t>月岡</t>
    <phoneticPr fontId="4"/>
  </si>
  <si>
    <t>四方</t>
    <phoneticPr fontId="4"/>
  </si>
  <si>
    <t>八幡</t>
    <phoneticPr fontId="4"/>
  </si>
  <si>
    <t>草島</t>
    <phoneticPr fontId="4"/>
  </si>
  <si>
    <t>倉垣</t>
    <phoneticPr fontId="4"/>
  </si>
  <si>
    <t>呉羽</t>
    <phoneticPr fontId="4"/>
  </si>
  <si>
    <t>長岡</t>
    <phoneticPr fontId="4"/>
  </si>
  <si>
    <t>寒江</t>
    <phoneticPr fontId="4"/>
  </si>
  <si>
    <t>古沢</t>
    <phoneticPr fontId="4"/>
  </si>
  <si>
    <t>老田</t>
    <phoneticPr fontId="4"/>
  </si>
  <si>
    <t>池多</t>
    <phoneticPr fontId="4"/>
  </si>
  <si>
    <t>水橋中部</t>
    <phoneticPr fontId="4"/>
  </si>
  <si>
    <t>水橋西部</t>
    <phoneticPr fontId="4"/>
  </si>
  <si>
    <t>水橋東部</t>
    <phoneticPr fontId="4"/>
  </si>
  <si>
    <t>三郷</t>
    <phoneticPr fontId="4"/>
  </si>
  <si>
    <t>上条</t>
    <phoneticPr fontId="4"/>
  </si>
  <si>
    <t>光陽</t>
    <phoneticPr fontId="4"/>
  </si>
  <si>
    <t>新庄北</t>
    <rPh sb="2" eb="3">
      <t>キタ</t>
    </rPh>
    <phoneticPr fontId="4"/>
  </si>
  <si>
    <t>富山地域計</t>
    <rPh sb="0" eb="2">
      <t>トヤマ</t>
    </rPh>
    <rPh sb="2" eb="4">
      <t>チイキ</t>
    </rPh>
    <rPh sb="4" eb="5">
      <t>ケイ</t>
    </rPh>
    <phoneticPr fontId="4"/>
  </si>
  <si>
    <t>下タ</t>
    <phoneticPr fontId="4"/>
  </si>
  <si>
    <t>小羽</t>
    <phoneticPr fontId="4"/>
  </si>
  <si>
    <t>船峅</t>
    <phoneticPr fontId="4"/>
  </si>
  <si>
    <t>大沢野</t>
    <phoneticPr fontId="4"/>
  </si>
  <si>
    <t>大久保</t>
    <phoneticPr fontId="4"/>
  </si>
  <si>
    <t>大沢野地域</t>
    <phoneticPr fontId="4"/>
  </si>
  <si>
    <t>上滝</t>
    <phoneticPr fontId="4"/>
  </si>
  <si>
    <t>大山</t>
    <phoneticPr fontId="4"/>
  </si>
  <si>
    <t>大庄</t>
    <phoneticPr fontId="4"/>
  </si>
  <si>
    <t>福沢</t>
    <phoneticPr fontId="4"/>
  </si>
  <si>
    <t>大山地域計</t>
  </si>
  <si>
    <t>八尾</t>
    <phoneticPr fontId="4"/>
  </si>
  <si>
    <t>保内</t>
    <phoneticPr fontId="4"/>
  </si>
  <si>
    <t>杉原</t>
    <phoneticPr fontId="4"/>
  </si>
  <si>
    <t>卯花</t>
    <phoneticPr fontId="4"/>
  </si>
  <si>
    <t>室牧</t>
    <phoneticPr fontId="4"/>
  </si>
  <si>
    <t>黒瀬谷</t>
    <phoneticPr fontId="4"/>
  </si>
  <si>
    <t>野積</t>
    <phoneticPr fontId="4"/>
  </si>
  <si>
    <t>仁歩</t>
    <phoneticPr fontId="4"/>
  </si>
  <si>
    <t>大長谷</t>
    <phoneticPr fontId="4"/>
  </si>
  <si>
    <t>八尾地域計</t>
  </si>
  <si>
    <t>速星</t>
    <phoneticPr fontId="4"/>
  </si>
  <si>
    <t>鵜坂</t>
    <phoneticPr fontId="4"/>
  </si>
  <si>
    <t>朝日</t>
    <phoneticPr fontId="4"/>
  </si>
  <si>
    <t>宮川</t>
    <phoneticPr fontId="4"/>
  </si>
  <si>
    <t>婦中熊野</t>
    <phoneticPr fontId="4"/>
  </si>
  <si>
    <t>古里</t>
    <phoneticPr fontId="4"/>
  </si>
  <si>
    <t>音川</t>
    <phoneticPr fontId="4"/>
  </si>
  <si>
    <t>神保</t>
    <phoneticPr fontId="4"/>
  </si>
  <si>
    <t>婦中地域計</t>
  </si>
  <si>
    <t>山田南部</t>
    <phoneticPr fontId="4"/>
  </si>
  <si>
    <t>山田中部</t>
    <phoneticPr fontId="4"/>
  </si>
  <si>
    <t>山田西部</t>
    <phoneticPr fontId="4"/>
  </si>
  <si>
    <t>山田東部</t>
    <phoneticPr fontId="4"/>
  </si>
  <si>
    <t>山田地域計</t>
  </si>
  <si>
    <t>細入北部</t>
    <rPh sb="0" eb="2">
      <t>ホソイリ</t>
    </rPh>
    <phoneticPr fontId="4"/>
  </si>
  <si>
    <t>細入南部</t>
    <rPh sb="0" eb="2">
      <t>ホソイリ</t>
    </rPh>
    <phoneticPr fontId="4"/>
  </si>
  <si>
    <t>細入地域計</t>
  </si>
  <si>
    <t>富山市合計</t>
    <rPh sb="0" eb="3">
      <t>トヤマシ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"/>
    <numFmt numFmtId="177" formatCode="#,##0.0_ "/>
  </numFmts>
  <fonts count="8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1"/>
      <charset val="128"/>
    </font>
    <font>
      <sz val="18"/>
      <name val="ＭＳ 明朝"/>
      <family val="1"/>
      <charset val="128"/>
    </font>
    <font>
      <sz val="9"/>
      <name val="ＭＳ 明朝"/>
      <family val="1"/>
      <charset val="128"/>
    </font>
    <font>
      <b/>
      <sz val="1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</fills>
  <borders count="38">
    <border>
      <left/>
      <right/>
      <top/>
      <bottom/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double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double">
        <color indexed="64"/>
      </right>
      <top style="hair">
        <color indexed="64"/>
      </top>
      <bottom/>
      <diagonal/>
    </border>
    <border>
      <left style="double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double">
        <color indexed="64"/>
      </right>
      <top style="hair">
        <color indexed="64"/>
      </top>
      <bottom/>
      <diagonal/>
    </border>
    <border>
      <left/>
      <right style="double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double">
        <color indexed="64"/>
      </left>
      <right style="double">
        <color indexed="64"/>
      </right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double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double">
        <color indexed="64"/>
      </right>
      <top style="hair">
        <color indexed="64"/>
      </top>
      <bottom style="hair">
        <color indexed="64"/>
      </bottom>
      <diagonal/>
    </border>
    <border>
      <left/>
      <right style="double">
        <color indexed="64"/>
      </right>
      <top style="thin">
        <color indexed="64"/>
      </top>
      <bottom style="hair">
        <color indexed="64"/>
      </bottom>
      <diagonal/>
    </border>
    <border>
      <left/>
      <right style="double">
        <color indexed="64"/>
      </right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3">
    <xf numFmtId="0" fontId="0" fillId="0" borderId="0" xfId="0"/>
    <xf numFmtId="0" fontId="2" fillId="0" borderId="0" xfId="0" applyFont="1" applyAlignment="1">
      <alignment vertical="center"/>
    </xf>
    <xf numFmtId="0" fontId="5" fillId="0" borderId="0" xfId="0" applyFont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0" fillId="2" borderId="2" xfId="0" applyFill="1" applyBorder="1" applyAlignment="1">
      <alignment horizontal="center" vertical="center" shrinkToFit="1"/>
    </xf>
    <xf numFmtId="0" fontId="0" fillId="2" borderId="3" xfId="0" applyFill="1" applyBorder="1" applyAlignment="1">
      <alignment horizontal="center" vertical="center" shrinkToFit="1"/>
    </xf>
    <xf numFmtId="0" fontId="0" fillId="2" borderId="4" xfId="0" applyFill="1" applyBorder="1" applyAlignment="1">
      <alignment horizontal="center" vertical="center" shrinkToFit="1"/>
    </xf>
    <xf numFmtId="0" fontId="0" fillId="2" borderId="2" xfId="0" applyFill="1" applyBorder="1" applyAlignment="1">
      <alignment horizontal="center" vertical="center" wrapText="1" shrinkToFit="1"/>
    </xf>
    <xf numFmtId="0" fontId="0" fillId="2" borderId="3" xfId="0" applyFill="1" applyBorder="1" applyAlignment="1">
      <alignment horizontal="center" vertical="center" wrapText="1" shrinkToFit="1"/>
    </xf>
    <xf numFmtId="0" fontId="0" fillId="2" borderId="4" xfId="0" applyFill="1" applyBorder="1" applyAlignment="1">
      <alignment horizontal="center" vertical="center" wrapText="1" shrinkToFit="1"/>
    </xf>
    <xf numFmtId="0" fontId="1" fillId="2" borderId="5" xfId="0" applyFont="1" applyFill="1" applyBorder="1" applyAlignment="1">
      <alignment vertical="center" shrinkToFit="1"/>
    </xf>
    <xf numFmtId="176" fontId="1" fillId="0" borderId="6" xfId="1" applyNumberFormat="1" applyFont="1" applyBorder="1" applyAlignment="1">
      <alignment vertical="center"/>
    </xf>
    <xf numFmtId="176" fontId="1" fillId="0" borderId="7" xfId="1" applyNumberFormat="1" applyFont="1" applyBorder="1" applyAlignment="1">
      <alignment vertical="center"/>
    </xf>
    <xf numFmtId="176" fontId="1" fillId="0" borderId="8" xfId="1" applyNumberFormat="1" applyFont="1" applyBorder="1" applyAlignment="1">
      <alignment vertical="center"/>
    </xf>
    <xf numFmtId="176" fontId="1" fillId="0" borderId="9" xfId="1" applyNumberFormat="1" applyFont="1" applyBorder="1" applyAlignment="1">
      <alignment vertical="center"/>
    </xf>
    <xf numFmtId="176" fontId="1" fillId="0" borderId="10" xfId="1" applyNumberFormat="1" applyFont="1" applyBorder="1" applyAlignment="1">
      <alignment vertical="center"/>
    </xf>
    <xf numFmtId="176" fontId="1" fillId="0" borderId="11" xfId="1" applyNumberFormat="1" applyFont="1" applyBorder="1" applyAlignment="1">
      <alignment vertical="center"/>
    </xf>
    <xf numFmtId="177" fontId="1" fillId="0" borderId="10" xfId="1" applyNumberFormat="1" applyFont="1" applyBorder="1" applyAlignment="1">
      <alignment vertical="center"/>
    </xf>
    <xf numFmtId="177" fontId="1" fillId="0" borderId="12" xfId="1" applyNumberFormat="1" applyFont="1" applyBorder="1" applyAlignment="1">
      <alignment vertical="center"/>
    </xf>
    <xf numFmtId="0" fontId="1" fillId="0" borderId="0" xfId="0" applyFont="1"/>
    <xf numFmtId="176" fontId="1" fillId="0" borderId="13" xfId="1" applyNumberFormat="1" applyFont="1" applyBorder="1" applyAlignment="1">
      <alignment vertical="center"/>
    </xf>
    <xf numFmtId="177" fontId="1" fillId="0" borderId="8" xfId="1" applyNumberFormat="1" applyFont="1" applyBorder="1" applyAlignment="1">
      <alignment vertical="center"/>
    </xf>
    <xf numFmtId="177" fontId="1" fillId="0" borderId="9" xfId="1" applyNumberFormat="1" applyFont="1" applyBorder="1" applyAlignment="1">
      <alignment vertical="center"/>
    </xf>
    <xf numFmtId="176" fontId="1" fillId="0" borderId="14" xfId="1" applyNumberFormat="1" applyFont="1" applyBorder="1" applyAlignment="1">
      <alignment vertical="center"/>
    </xf>
    <xf numFmtId="0" fontId="1" fillId="2" borderId="15" xfId="0" applyFont="1" applyFill="1" applyBorder="1" applyAlignment="1">
      <alignment vertical="center" shrinkToFit="1"/>
    </xf>
    <xf numFmtId="176" fontId="1" fillId="0" borderId="16" xfId="1" applyNumberFormat="1" applyFont="1" applyBorder="1" applyAlignment="1">
      <alignment vertical="center"/>
    </xf>
    <xf numFmtId="176" fontId="1" fillId="0" borderId="17" xfId="1" applyNumberFormat="1" applyFont="1" applyBorder="1" applyAlignment="1">
      <alignment vertical="center"/>
    </xf>
    <xf numFmtId="176" fontId="1" fillId="0" borderId="18" xfId="1" applyNumberFormat="1" applyFont="1" applyBorder="1" applyAlignment="1">
      <alignment vertical="center"/>
    </xf>
    <xf numFmtId="176" fontId="1" fillId="0" borderId="19" xfId="1" applyNumberFormat="1" applyFont="1" applyBorder="1" applyAlignment="1">
      <alignment vertical="center"/>
    </xf>
    <xf numFmtId="177" fontId="1" fillId="0" borderId="16" xfId="1" applyNumberFormat="1" applyFont="1" applyBorder="1" applyAlignment="1">
      <alignment vertical="center"/>
    </xf>
    <xf numFmtId="177" fontId="1" fillId="0" borderId="17" xfId="1" applyNumberFormat="1" applyFont="1" applyBorder="1" applyAlignment="1">
      <alignment vertical="center"/>
    </xf>
    <xf numFmtId="0" fontId="1" fillId="2" borderId="20" xfId="0" applyFont="1" applyFill="1" applyBorder="1" applyAlignment="1">
      <alignment vertical="center" shrinkToFit="1"/>
    </xf>
    <xf numFmtId="176" fontId="1" fillId="0" borderId="21" xfId="1" applyNumberFormat="1" applyFont="1" applyBorder="1" applyAlignment="1">
      <alignment vertical="center"/>
    </xf>
    <xf numFmtId="176" fontId="1" fillId="0" borderId="22" xfId="1" applyNumberFormat="1" applyFont="1" applyBorder="1" applyAlignment="1">
      <alignment vertical="center"/>
    </xf>
    <xf numFmtId="0" fontId="7" fillId="3" borderId="23" xfId="0" applyFont="1" applyFill="1" applyBorder="1" applyAlignment="1">
      <alignment vertical="center" shrinkToFit="1"/>
    </xf>
    <xf numFmtId="176" fontId="7" fillId="3" borderId="24" xfId="1" applyNumberFormat="1" applyFont="1" applyFill="1" applyBorder="1" applyAlignment="1">
      <alignment vertical="center" shrinkToFit="1"/>
    </xf>
    <xf numFmtId="176" fontId="7" fillId="3" borderId="25" xfId="1" applyNumberFormat="1" applyFont="1" applyFill="1" applyBorder="1" applyAlignment="1">
      <alignment vertical="center" shrinkToFit="1"/>
    </xf>
    <xf numFmtId="177" fontId="7" fillId="3" borderId="24" xfId="1" applyNumberFormat="1" applyFont="1" applyFill="1" applyBorder="1" applyAlignment="1">
      <alignment vertical="center" shrinkToFit="1"/>
    </xf>
    <xf numFmtId="177" fontId="7" fillId="3" borderId="26" xfId="1" applyNumberFormat="1" applyFont="1" applyFill="1" applyBorder="1" applyAlignment="1">
      <alignment vertical="center" shrinkToFit="1"/>
    </xf>
    <xf numFmtId="0" fontId="1" fillId="2" borderId="27" xfId="0" applyFont="1" applyFill="1" applyBorder="1" applyAlignment="1">
      <alignment vertical="center" shrinkToFit="1"/>
    </xf>
    <xf numFmtId="176" fontId="1" fillId="0" borderId="28" xfId="1" applyNumberFormat="1" applyFont="1" applyBorder="1" applyAlignment="1">
      <alignment vertical="center"/>
    </xf>
    <xf numFmtId="176" fontId="1" fillId="0" borderId="29" xfId="1" applyNumberFormat="1" applyFont="1" applyBorder="1" applyAlignment="1">
      <alignment vertical="center"/>
    </xf>
    <xf numFmtId="176" fontId="1" fillId="0" borderId="30" xfId="1" applyNumberFormat="1" applyFont="1" applyBorder="1" applyAlignment="1">
      <alignment vertical="center"/>
    </xf>
    <xf numFmtId="176" fontId="1" fillId="0" borderId="31" xfId="1" applyNumberFormat="1" applyFont="1" applyBorder="1" applyAlignment="1">
      <alignment vertical="center"/>
    </xf>
    <xf numFmtId="176" fontId="1" fillId="0" borderId="32" xfId="1" applyNumberFormat="1" applyFont="1" applyBorder="1" applyAlignment="1">
      <alignment vertical="center"/>
    </xf>
    <xf numFmtId="176" fontId="1" fillId="0" borderId="33" xfId="1" applyNumberFormat="1" applyFont="1" applyBorder="1" applyAlignment="1">
      <alignment vertical="center"/>
    </xf>
    <xf numFmtId="0" fontId="7" fillId="3" borderId="34" xfId="0" applyFont="1" applyFill="1" applyBorder="1" applyAlignment="1">
      <alignment vertical="center" shrinkToFit="1"/>
    </xf>
    <xf numFmtId="176" fontId="7" fillId="3" borderId="35" xfId="1" applyNumberFormat="1" applyFont="1" applyFill="1" applyBorder="1" applyAlignment="1">
      <alignment vertical="center" shrinkToFit="1"/>
    </xf>
    <xf numFmtId="176" fontId="7" fillId="3" borderId="36" xfId="1" applyNumberFormat="1" applyFont="1" applyFill="1" applyBorder="1" applyAlignment="1">
      <alignment vertical="center" shrinkToFit="1"/>
    </xf>
    <xf numFmtId="177" fontId="7" fillId="3" borderId="35" xfId="1" applyNumberFormat="1" applyFont="1" applyFill="1" applyBorder="1" applyAlignment="1">
      <alignment vertical="center"/>
    </xf>
    <xf numFmtId="177" fontId="7" fillId="3" borderId="37" xfId="1" applyNumberFormat="1" applyFont="1" applyFill="1" applyBorder="1" applyAlignment="1">
      <alignment vertical="center"/>
    </xf>
    <xf numFmtId="0" fontId="0" fillId="0" borderId="0" xfId="0" applyAlignment="1">
      <alignment shrinkToFit="1"/>
    </xf>
    <xf numFmtId="0" fontId="0" fillId="0" borderId="0" xfId="0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CFD906-DE8D-4D9E-873D-79147C8721AB}">
  <sheetPr codeName="Sheet93"/>
  <dimension ref="A1:I94"/>
  <sheetViews>
    <sheetView tabSelected="1" zoomScaleNormal="100" zoomScaleSheetLayoutView="115" workbookViewId="0">
      <pane ySplit="2" topLeftCell="A3" activePane="bottomLeft" state="frozen"/>
      <selection activeCell="P130" sqref="P130:P150"/>
      <selection pane="bottomLeft"/>
    </sheetView>
  </sheetViews>
  <sheetFormatPr defaultRowHeight="13.2" x14ac:dyDescent="0.2"/>
  <cols>
    <col min="1" max="1" width="13.33203125" style="51" customWidth="1"/>
    <col min="2" max="9" width="10.6640625" customWidth="1"/>
  </cols>
  <sheetData>
    <row r="1" spans="1:9" ht="35.25" customHeight="1" thickBot="1" x14ac:dyDescent="0.25">
      <c r="A1" s="1" t="s">
        <v>0</v>
      </c>
      <c r="B1" s="2"/>
      <c r="C1" s="2"/>
      <c r="D1" s="2"/>
      <c r="E1" s="2"/>
    </row>
    <row r="2" spans="1:9" ht="54.75" customHeight="1" thickTop="1" x14ac:dyDescent="0.2">
      <c r="A2" s="3"/>
      <c r="B2" s="4" t="s">
        <v>1</v>
      </c>
      <c r="C2" s="5" t="s">
        <v>2</v>
      </c>
      <c r="D2" s="4" t="s">
        <v>3</v>
      </c>
      <c r="E2" s="6" t="s">
        <v>4</v>
      </c>
      <c r="F2" s="7" t="s">
        <v>5</v>
      </c>
      <c r="G2" s="8" t="s">
        <v>6</v>
      </c>
      <c r="H2" s="7" t="s">
        <v>7</v>
      </c>
      <c r="I2" s="9" t="s">
        <v>8</v>
      </c>
    </row>
    <row r="3" spans="1:9" s="19" customFormat="1" ht="15" customHeight="1" x14ac:dyDescent="0.2">
      <c r="A3" s="10" t="s">
        <v>9</v>
      </c>
      <c r="B3" s="11">
        <v>1267</v>
      </c>
      <c r="C3" s="12">
        <v>2369</v>
      </c>
      <c r="D3" s="13">
        <v>1272</v>
      </c>
      <c r="E3" s="14">
        <v>2371</v>
      </c>
      <c r="F3" s="15">
        <v>-5</v>
      </c>
      <c r="G3" s="16">
        <v>-2</v>
      </c>
      <c r="H3" s="17">
        <v>-0.4</v>
      </c>
      <c r="I3" s="18">
        <v>-0.1</v>
      </c>
    </row>
    <row r="4" spans="1:9" s="19" customFormat="1" ht="15" customHeight="1" x14ac:dyDescent="0.2">
      <c r="A4" s="10" t="s">
        <v>10</v>
      </c>
      <c r="B4" s="13">
        <v>2323</v>
      </c>
      <c r="C4" s="14">
        <v>4655</v>
      </c>
      <c r="D4" s="13">
        <v>2281</v>
      </c>
      <c r="E4" s="14">
        <v>4632</v>
      </c>
      <c r="F4" s="13">
        <v>42</v>
      </c>
      <c r="G4" s="20">
        <v>23</v>
      </c>
      <c r="H4" s="21">
        <v>1.8</v>
      </c>
      <c r="I4" s="22">
        <v>0.5</v>
      </c>
    </row>
    <row r="5" spans="1:9" s="19" customFormat="1" ht="15" customHeight="1" x14ac:dyDescent="0.2">
      <c r="A5" s="10" t="s">
        <v>11</v>
      </c>
      <c r="B5" s="13">
        <v>1337</v>
      </c>
      <c r="C5" s="14">
        <v>2759</v>
      </c>
      <c r="D5" s="13">
        <v>1365</v>
      </c>
      <c r="E5" s="14">
        <v>2814</v>
      </c>
      <c r="F5" s="13">
        <v>-28</v>
      </c>
      <c r="G5" s="20">
        <v>-55</v>
      </c>
      <c r="H5" s="21">
        <v>-2.1</v>
      </c>
      <c r="I5" s="22">
        <v>-2</v>
      </c>
    </row>
    <row r="6" spans="1:9" s="19" customFormat="1" ht="15" customHeight="1" x14ac:dyDescent="0.2">
      <c r="A6" s="10" t="s">
        <v>12</v>
      </c>
      <c r="B6" s="13">
        <v>982</v>
      </c>
      <c r="C6" s="14">
        <v>1783</v>
      </c>
      <c r="D6" s="13">
        <v>998</v>
      </c>
      <c r="E6" s="14">
        <v>1815</v>
      </c>
      <c r="F6" s="13">
        <v>-16</v>
      </c>
      <c r="G6" s="20">
        <v>-32</v>
      </c>
      <c r="H6" s="21">
        <v>-1.6</v>
      </c>
      <c r="I6" s="22">
        <v>-1.8</v>
      </c>
    </row>
    <row r="7" spans="1:9" s="19" customFormat="1" ht="15" customHeight="1" x14ac:dyDescent="0.2">
      <c r="A7" s="10" t="s">
        <v>13</v>
      </c>
      <c r="B7" s="13">
        <v>1821</v>
      </c>
      <c r="C7" s="14">
        <v>3400</v>
      </c>
      <c r="D7" s="13">
        <v>1802</v>
      </c>
      <c r="E7" s="14">
        <v>3385</v>
      </c>
      <c r="F7" s="13">
        <v>19</v>
      </c>
      <c r="G7" s="20">
        <v>15</v>
      </c>
      <c r="H7" s="21">
        <v>1.1000000000000001</v>
      </c>
      <c r="I7" s="22">
        <v>0.4</v>
      </c>
    </row>
    <row r="8" spans="1:9" s="19" customFormat="1" ht="15" customHeight="1" x14ac:dyDescent="0.2">
      <c r="A8" s="10" t="s">
        <v>14</v>
      </c>
      <c r="B8" s="13">
        <v>3135</v>
      </c>
      <c r="C8" s="14">
        <v>5898</v>
      </c>
      <c r="D8" s="13">
        <v>3176</v>
      </c>
      <c r="E8" s="14">
        <v>5957</v>
      </c>
      <c r="F8" s="13">
        <v>-41</v>
      </c>
      <c r="G8" s="20">
        <v>-59</v>
      </c>
      <c r="H8" s="21">
        <v>-1.3</v>
      </c>
      <c r="I8" s="22">
        <v>-1</v>
      </c>
    </row>
    <row r="9" spans="1:9" s="19" customFormat="1" ht="15" customHeight="1" x14ac:dyDescent="0.2">
      <c r="A9" s="10" t="s">
        <v>15</v>
      </c>
      <c r="B9" s="13">
        <v>2076</v>
      </c>
      <c r="C9" s="14">
        <v>4092</v>
      </c>
      <c r="D9" s="13">
        <v>2095</v>
      </c>
      <c r="E9" s="14">
        <v>4161</v>
      </c>
      <c r="F9" s="13">
        <v>-19</v>
      </c>
      <c r="G9" s="20">
        <v>-69</v>
      </c>
      <c r="H9" s="21">
        <v>-0.9</v>
      </c>
      <c r="I9" s="22">
        <v>-1.7</v>
      </c>
    </row>
    <row r="10" spans="1:9" s="19" customFormat="1" ht="15" customHeight="1" x14ac:dyDescent="0.2">
      <c r="A10" s="10" t="s">
        <v>16</v>
      </c>
      <c r="B10" s="13">
        <v>1344</v>
      </c>
      <c r="C10" s="14">
        <v>2580</v>
      </c>
      <c r="D10" s="13">
        <v>1330</v>
      </c>
      <c r="E10" s="14">
        <v>2585</v>
      </c>
      <c r="F10" s="13">
        <v>14</v>
      </c>
      <c r="G10" s="20">
        <v>-5</v>
      </c>
      <c r="H10" s="21">
        <v>1.1000000000000001</v>
      </c>
      <c r="I10" s="22">
        <v>-0.2</v>
      </c>
    </row>
    <row r="11" spans="1:9" s="19" customFormat="1" ht="15" customHeight="1" x14ac:dyDescent="0.2">
      <c r="A11" s="10" t="s">
        <v>17</v>
      </c>
      <c r="B11" s="13">
        <v>3131</v>
      </c>
      <c r="C11" s="14">
        <v>6455</v>
      </c>
      <c r="D11" s="13">
        <v>3108</v>
      </c>
      <c r="E11" s="14">
        <v>6499</v>
      </c>
      <c r="F11" s="13">
        <v>23</v>
      </c>
      <c r="G11" s="20">
        <v>-44</v>
      </c>
      <c r="H11" s="21">
        <v>0.7</v>
      </c>
      <c r="I11" s="22">
        <v>-0.7</v>
      </c>
    </row>
    <row r="12" spans="1:9" s="19" customFormat="1" ht="15" customHeight="1" x14ac:dyDescent="0.2">
      <c r="A12" s="10" t="s">
        <v>18</v>
      </c>
      <c r="B12" s="13">
        <v>5770</v>
      </c>
      <c r="C12" s="14">
        <v>11801</v>
      </c>
      <c r="D12" s="13">
        <v>5719</v>
      </c>
      <c r="E12" s="14">
        <v>11847</v>
      </c>
      <c r="F12" s="13">
        <v>51</v>
      </c>
      <c r="G12" s="20">
        <v>-46</v>
      </c>
      <c r="H12" s="21">
        <v>0.9</v>
      </c>
      <c r="I12" s="22">
        <v>-0.4</v>
      </c>
    </row>
    <row r="13" spans="1:9" s="19" customFormat="1" ht="15" customHeight="1" x14ac:dyDescent="0.2">
      <c r="A13" s="10" t="s">
        <v>19</v>
      </c>
      <c r="B13" s="13">
        <v>6723</v>
      </c>
      <c r="C13" s="14">
        <v>15102</v>
      </c>
      <c r="D13" s="13">
        <v>6655</v>
      </c>
      <c r="E13" s="14">
        <v>15121</v>
      </c>
      <c r="F13" s="13">
        <v>68</v>
      </c>
      <c r="G13" s="20">
        <v>-19</v>
      </c>
      <c r="H13" s="21">
        <v>1</v>
      </c>
      <c r="I13" s="22">
        <v>-0.1</v>
      </c>
    </row>
    <row r="14" spans="1:9" s="19" customFormat="1" ht="15" customHeight="1" x14ac:dyDescent="0.2">
      <c r="A14" s="10" t="s">
        <v>20</v>
      </c>
      <c r="B14" s="13">
        <v>4165</v>
      </c>
      <c r="C14" s="14">
        <v>8051</v>
      </c>
      <c r="D14" s="13">
        <v>4202</v>
      </c>
      <c r="E14" s="14">
        <v>8165</v>
      </c>
      <c r="F14" s="13">
        <v>-37</v>
      </c>
      <c r="G14" s="20">
        <v>-114</v>
      </c>
      <c r="H14" s="21">
        <v>-0.9</v>
      </c>
      <c r="I14" s="22">
        <v>-1.4</v>
      </c>
    </row>
    <row r="15" spans="1:9" s="19" customFormat="1" ht="15" customHeight="1" x14ac:dyDescent="0.2">
      <c r="A15" s="10" t="s">
        <v>21</v>
      </c>
      <c r="B15" s="13">
        <v>5216</v>
      </c>
      <c r="C15" s="14">
        <v>10510</v>
      </c>
      <c r="D15" s="13">
        <v>5228</v>
      </c>
      <c r="E15" s="14">
        <v>10630</v>
      </c>
      <c r="F15" s="13">
        <v>-12</v>
      </c>
      <c r="G15" s="20">
        <v>-120</v>
      </c>
      <c r="H15" s="21">
        <v>-0.2</v>
      </c>
      <c r="I15" s="22">
        <v>-1.1000000000000001</v>
      </c>
    </row>
    <row r="16" spans="1:9" s="19" customFormat="1" ht="15" customHeight="1" x14ac:dyDescent="0.2">
      <c r="A16" s="10" t="s">
        <v>22</v>
      </c>
      <c r="B16" s="13">
        <v>3738</v>
      </c>
      <c r="C16" s="14">
        <v>8032</v>
      </c>
      <c r="D16" s="13">
        <v>3741</v>
      </c>
      <c r="E16" s="14">
        <v>8165</v>
      </c>
      <c r="F16" s="13">
        <v>-3</v>
      </c>
      <c r="G16" s="20">
        <v>-133</v>
      </c>
      <c r="H16" s="21">
        <v>-0.1</v>
      </c>
      <c r="I16" s="22">
        <v>-1.6</v>
      </c>
    </row>
    <row r="17" spans="1:9" s="19" customFormat="1" ht="15" customHeight="1" x14ac:dyDescent="0.2">
      <c r="A17" s="10" t="s">
        <v>23</v>
      </c>
      <c r="B17" s="13">
        <v>2562</v>
      </c>
      <c r="C17" s="14">
        <v>5718</v>
      </c>
      <c r="D17" s="13">
        <v>2519</v>
      </c>
      <c r="E17" s="14">
        <v>5680</v>
      </c>
      <c r="F17" s="13">
        <v>43</v>
      </c>
      <c r="G17" s="20">
        <v>38</v>
      </c>
      <c r="H17" s="21">
        <v>1.7</v>
      </c>
      <c r="I17" s="22">
        <v>0.7</v>
      </c>
    </row>
    <row r="18" spans="1:9" s="19" customFormat="1" ht="15" customHeight="1" x14ac:dyDescent="0.2">
      <c r="A18" s="10" t="s">
        <v>24</v>
      </c>
      <c r="B18" s="13">
        <v>5626</v>
      </c>
      <c r="C18" s="14">
        <v>10114</v>
      </c>
      <c r="D18" s="13">
        <v>5512</v>
      </c>
      <c r="E18" s="14">
        <v>10104</v>
      </c>
      <c r="F18" s="13">
        <v>114</v>
      </c>
      <c r="G18" s="20">
        <v>10</v>
      </c>
      <c r="H18" s="21">
        <v>2.1</v>
      </c>
      <c r="I18" s="22">
        <v>0.1</v>
      </c>
    </row>
    <row r="19" spans="1:9" s="19" customFormat="1" ht="15" customHeight="1" x14ac:dyDescent="0.2">
      <c r="A19" s="10" t="s">
        <v>25</v>
      </c>
      <c r="B19" s="13">
        <v>1797</v>
      </c>
      <c r="C19" s="14">
        <v>4072</v>
      </c>
      <c r="D19" s="13">
        <v>1809</v>
      </c>
      <c r="E19" s="14">
        <v>4152</v>
      </c>
      <c r="F19" s="13">
        <v>-12</v>
      </c>
      <c r="G19" s="20">
        <v>-80</v>
      </c>
      <c r="H19" s="21">
        <v>-0.7</v>
      </c>
      <c r="I19" s="22">
        <v>-1.9</v>
      </c>
    </row>
    <row r="20" spans="1:9" s="19" customFormat="1" ht="15" customHeight="1" x14ac:dyDescent="0.2">
      <c r="A20" s="10" t="s">
        <v>26</v>
      </c>
      <c r="B20" s="13">
        <v>1480</v>
      </c>
      <c r="C20" s="14">
        <v>3087</v>
      </c>
      <c r="D20" s="13">
        <v>1493</v>
      </c>
      <c r="E20" s="14">
        <v>3150</v>
      </c>
      <c r="F20" s="13">
        <v>-13</v>
      </c>
      <c r="G20" s="20">
        <v>-63</v>
      </c>
      <c r="H20" s="21">
        <v>-0.9</v>
      </c>
      <c r="I20" s="22">
        <v>-2</v>
      </c>
    </row>
    <row r="21" spans="1:9" s="19" customFormat="1" ht="15" customHeight="1" x14ac:dyDescent="0.2">
      <c r="A21" s="10" t="s">
        <v>27</v>
      </c>
      <c r="B21" s="13">
        <v>2504</v>
      </c>
      <c r="C21" s="14">
        <v>5768</v>
      </c>
      <c r="D21" s="13">
        <v>2509</v>
      </c>
      <c r="E21" s="14">
        <v>5795</v>
      </c>
      <c r="F21" s="13">
        <v>-5</v>
      </c>
      <c r="G21" s="20">
        <v>-27</v>
      </c>
      <c r="H21" s="21">
        <v>-0.2</v>
      </c>
      <c r="I21" s="22">
        <v>-0.5</v>
      </c>
    </row>
    <row r="22" spans="1:9" s="19" customFormat="1" ht="15" customHeight="1" x14ac:dyDescent="0.2">
      <c r="A22" s="10" t="s">
        <v>28</v>
      </c>
      <c r="B22" s="13">
        <v>3292</v>
      </c>
      <c r="C22" s="14">
        <v>7669</v>
      </c>
      <c r="D22" s="13">
        <v>3238</v>
      </c>
      <c r="E22" s="14">
        <v>7675</v>
      </c>
      <c r="F22" s="13">
        <v>54</v>
      </c>
      <c r="G22" s="20">
        <v>-6</v>
      </c>
      <c r="H22" s="21">
        <v>1.7</v>
      </c>
      <c r="I22" s="22">
        <v>-0.1</v>
      </c>
    </row>
    <row r="23" spans="1:9" s="19" customFormat="1" ht="15" customHeight="1" x14ac:dyDescent="0.2">
      <c r="A23" s="10" t="s">
        <v>29</v>
      </c>
      <c r="B23" s="13">
        <v>1069</v>
      </c>
      <c r="C23" s="14">
        <v>2434</v>
      </c>
      <c r="D23" s="13">
        <v>1060</v>
      </c>
      <c r="E23" s="14">
        <v>2480</v>
      </c>
      <c r="F23" s="13">
        <v>9</v>
      </c>
      <c r="G23" s="20">
        <v>-46</v>
      </c>
      <c r="H23" s="21">
        <v>0.8</v>
      </c>
      <c r="I23" s="22">
        <v>-1.9</v>
      </c>
    </row>
    <row r="24" spans="1:9" s="19" customFormat="1" ht="15" customHeight="1" x14ac:dyDescent="0.2">
      <c r="A24" s="10" t="s">
        <v>30</v>
      </c>
      <c r="B24" s="13">
        <v>1798</v>
      </c>
      <c r="C24" s="14">
        <v>4082</v>
      </c>
      <c r="D24" s="13">
        <v>1780</v>
      </c>
      <c r="E24" s="14">
        <v>4113</v>
      </c>
      <c r="F24" s="13">
        <v>18</v>
      </c>
      <c r="G24" s="20">
        <v>-31</v>
      </c>
      <c r="H24" s="21">
        <v>1</v>
      </c>
      <c r="I24" s="22">
        <v>-0.8</v>
      </c>
    </row>
    <row r="25" spans="1:9" s="19" customFormat="1" ht="15" customHeight="1" x14ac:dyDescent="0.2">
      <c r="A25" s="10" t="s">
        <v>31</v>
      </c>
      <c r="B25" s="13">
        <v>6640</v>
      </c>
      <c r="C25" s="14">
        <v>15459</v>
      </c>
      <c r="D25" s="13">
        <v>6615</v>
      </c>
      <c r="E25" s="14">
        <v>15559</v>
      </c>
      <c r="F25" s="13">
        <v>25</v>
      </c>
      <c r="G25" s="20">
        <v>-100</v>
      </c>
      <c r="H25" s="21">
        <v>0.4</v>
      </c>
      <c r="I25" s="22">
        <v>-0.6</v>
      </c>
    </row>
    <row r="26" spans="1:9" s="19" customFormat="1" ht="15" customHeight="1" x14ac:dyDescent="0.2">
      <c r="A26" s="10" t="s">
        <v>32</v>
      </c>
      <c r="B26" s="13">
        <v>4557</v>
      </c>
      <c r="C26" s="14">
        <v>9657</v>
      </c>
      <c r="D26" s="13">
        <v>4483</v>
      </c>
      <c r="E26" s="14">
        <v>9649</v>
      </c>
      <c r="F26" s="13">
        <v>74</v>
      </c>
      <c r="G26" s="20">
        <v>8</v>
      </c>
      <c r="H26" s="21">
        <v>1.7</v>
      </c>
      <c r="I26" s="22">
        <v>0.1</v>
      </c>
    </row>
    <row r="27" spans="1:9" s="19" customFormat="1" ht="15" customHeight="1" x14ac:dyDescent="0.2">
      <c r="A27" s="10" t="s">
        <v>33</v>
      </c>
      <c r="B27" s="13">
        <v>5869</v>
      </c>
      <c r="C27" s="14">
        <v>12619</v>
      </c>
      <c r="D27" s="13">
        <v>5751</v>
      </c>
      <c r="E27" s="14">
        <v>12550</v>
      </c>
      <c r="F27" s="13">
        <v>118</v>
      </c>
      <c r="G27" s="20">
        <v>69</v>
      </c>
      <c r="H27" s="21">
        <v>2.1</v>
      </c>
      <c r="I27" s="22">
        <v>0.5</v>
      </c>
    </row>
    <row r="28" spans="1:9" s="19" customFormat="1" ht="15" customHeight="1" x14ac:dyDescent="0.2">
      <c r="A28" s="10" t="s">
        <v>34</v>
      </c>
      <c r="B28" s="13">
        <v>6811</v>
      </c>
      <c r="C28" s="14">
        <v>16344</v>
      </c>
      <c r="D28" s="13">
        <v>6734</v>
      </c>
      <c r="E28" s="14">
        <v>16238</v>
      </c>
      <c r="F28" s="13">
        <v>77</v>
      </c>
      <c r="G28" s="20">
        <v>106</v>
      </c>
      <c r="H28" s="21">
        <v>1.1000000000000001</v>
      </c>
      <c r="I28" s="22">
        <v>0.7</v>
      </c>
    </row>
    <row r="29" spans="1:9" s="19" customFormat="1" ht="15" customHeight="1" x14ac:dyDescent="0.2">
      <c r="A29" s="10" t="s">
        <v>35</v>
      </c>
      <c r="B29" s="13">
        <v>5703</v>
      </c>
      <c r="C29" s="14">
        <v>11630</v>
      </c>
      <c r="D29" s="13">
        <v>5649</v>
      </c>
      <c r="E29" s="14">
        <v>11668</v>
      </c>
      <c r="F29" s="13">
        <v>54</v>
      </c>
      <c r="G29" s="20">
        <v>-38</v>
      </c>
      <c r="H29" s="21">
        <v>1</v>
      </c>
      <c r="I29" s="22">
        <v>-0.3</v>
      </c>
    </row>
    <row r="30" spans="1:9" s="19" customFormat="1" ht="15" customHeight="1" x14ac:dyDescent="0.2">
      <c r="A30" s="10" t="s">
        <v>36</v>
      </c>
      <c r="B30" s="13">
        <v>4916</v>
      </c>
      <c r="C30" s="14">
        <v>11361</v>
      </c>
      <c r="D30" s="13">
        <v>4836</v>
      </c>
      <c r="E30" s="14">
        <v>11405</v>
      </c>
      <c r="F30" s="13">
        <v>80</v>
      </c>
      <c r="G30" s="20">
        <v>-44</v>
      </c>
      <c r="H30" s="21">
        <v>1.7</v>
      </c>
      <c r="I30" s="22">
        <v>-0.4</v>
      </c>
    </row>
    <row r="31" spans="1:9" s="19" customFormat="1" ht="15" customHeight="1" x14ac:dyDescent="0.2">
      <c r="A31" s="10" t="s">
        <v>37</v>
      </c>
      <c r="B31" s="13">
        <v>2468</v>
      </c>
      <c r="C31" s="14">
        <v>5688</v>
      </c>
      <c r="D31" s="13">
        <v>2446</v>
      </c>
      <c r="E31" s="14">
        <v>5723</v>
      </c>
      <c r="F31" s="13">
        <v>22</v>
      </c>
      <c r="G31" s="20">
        <v>-35</v>
      </c>
      <c r="H31" s="21">
        <v>0.9</v>
      </c>
      <c r="I31" s="22">
        <v>-0.6</v>
      </c>
    </row>
    <row r="32" spans="1:9" s="19" customFormat="1" ht="15" customHeight="1" x14ac:dyDescent="0.2">
      <c r="A32" s="10" t="s">
        <v>38</v>
      </c>
      <c r="B32" s="13">
        <v>6315</v>
      </c>
      <c r="C32" s="14">
        <v>13624</v>
      </c>
      <c r="D32" s="13">
        <v>6174</v>
      </c>
      <c r="E32" s="14">
        <v>13621</v>
      </c>
      <c r="F32" s="13">
        <v>141</v>
      </c>
      <c r="G32" s="20">
        <v>3</v>
      </c>
      <c r="H32" s="21">
        <v>2.2999999999999998</v>
      </c>
      <c r="I32" s="22">
        <v>0</v>
      </c>
    </row>
    <row r="33" spans="1:9" s="19" customFormat="1" ht="15" customHeight="1" x14ac:dyDescent="0.2">
      <c r="A33" s="10" t="s">
        <v>39</v>
      </c>
      <c r="B33" s="13">
        <v>2488</v>
      </c>
      <c r="C33" s="14">
        <v>5530</v>
      </c>
      <c r="D33" s="13">
        <v>2383</v>
      </c>
      <c r="E33" s="14">
        <v>5412</v>
      </c>
      <c r="F33" s="13">
        <v>105</v>
      </c>
      <c r="G33" s="20">
        <v>118</v>
      </c>
      <c r="H33" s="21">
        <v>4.4000000000000004</v>
      </c>
      <c r="I33" s="22">
        <v>2.2000000000000002</v>
      </c>
    </row>
    <row r="34" spans="1:9" s="19" customFormat="1" ht="15" customHeight="1" x14ac:dyDescent="0.2">
      <c r="A34" s="10" t="s">
        <v>40</v>
      </c>
      <c r="B34" s="13">
        <v>2837</v>
      </c>
      <c r="C34" s="14">
        <v>6969</v>
      </c>
      <c r="D34" s="13">
        <v>2834</v>
      </c>
      <c r="E34" s="14">
        <v>7060</v>
      </c>
      <c r="F34" s="13">
        <v>3</v>
      </c>
      <c r="G34" s="20">
        <v>-91</v>
      </c>
      <c r="H34" s="21">
        <v>0.1</v>
      </c>
      <c r="I34" s="22">
        <v>-1.3</v>
      </c>
    </row>
    <row r="35" spans="1:9" s="19" customFormat="1" ht="15" customHeight="1" x14ac:dyDescent="0.2">
      <c r="A35" s="10" t="s">
        <v>41</v>
      </c>
      <c r="B35" s="13">
        <v>2688</v>
      </c>
      <c r="C35" s="14">
        <v>6287</v>
      </c>
      <c r="D35" s="13">
        <v>2671</v>
      </c>
      <c r="E35" s="14">
        <v>6366</v>
      </c>
      <c r="F35" s="13">
        <v>17</v>
      </c>
      <c r="G35" s="20">
        <v>-79</v>
      </c>
      <c r="H35" s="21">
        <v>0.6</v>
      </c>
      <c r="I35" s="22">
        <v>-1.2</v>
      </c>
    </row>
    <row r="36" spans="1:9" s="19" customFormat="1" ht="15" customHeight="1" x14ac:dyDescent="0.2">
      <c r="A36" s="10" t="s">
        <v>42</v>
      </c>
      <c r="B36" s="13">
        <v>1405</v>
      </c>
      <c r="C36" s="14">
        <v>3264</v>
      </c>
      <c r="D36" s="13">
        <v>1393</v>
      </c>
      <c r="E36" s="14">
        <v>3327</v>
      </c>
      <c r="F36" s="13">
        <v>12</v>
      </c>
      <c r="G36" s="20">
        <v>-63</v>
      </c>
      <c r="H36" s="21">
        <v>0.9</v>
      </c>
      <c r="I36" s="22">
        <v>-1.9</v>
      </c>
    </row>
    <row r="37" spans="1:9" s="19" customFormat="1" ht="15" customHeight="1" x14ac:dyDescent="0.2">
      <c r="A37" s="10" t="s">
        <v>43</v>
      </c>
      <c r="B37" s="13">
        <v>954</v>
      </c>
      <c r="C37" s="14">
        <v>2277</v>
      </c>
      <c r="D37" s="13">
        <v>948</v>
      </c>
      <c r="E37" s="14">
        <v>2315</v>
      </c>
      <c r="F37" s="13">
        <v>6</v>
      </c>
      <c r="G37" s="20">
        <v>-38</v>
      </c>
      <c r="H37" s="21">
        <v>0.6</v>
      </c>
      <c r="I37" s="22">
        <v>-1.6</v>
      </c>
    </row>
    <row r="38" spans="1:9" s="19" customFormat="1" ht="15" customHeight="1" x14ac:dyDescent="0.2">
      <c r="A38" s="10" t="s">
        <v>44</v>
      </c>
      <c r="B38" s="13">
        <v>1205</v>
      </c>
      <c r="C38" s="14">
        <v>2838</v>
      </c>
      <c r="D38" s="13">
        <v>1198</v>
      </c>
      <c r="E38" s="14">
        <v>2840</v>
      </c>
      <c r="F38" s="13">
        <v>7</v>
      </c>
      <c r="G38" s="20">
        <v>-2</v>
      </c>
      <c r="H38" s="21">
        <v>0.6</v>
      </c>
      <c r="I38" s="22">
        <v>-0.1</v>
      </c>
    </row>
    <row r="39" spans="1:9" s="19" customFormat="1" ht="15" customHeight="1" x14ac:dyDescent="0.2">
      <c r="A39" s="10" t="s">
        <v>45</v>
      </c>
      <c r="B39" s="13">
        <v>1279</v>
      </c>
      <c r="C39" s="14">
        <v>3024</v>
      </c>
      <c r="D39" s="13">
        <v>1272</v>
      </c>
      <c r="E39" s="14">
        <v>3073</v>
      </c>
      <c r="F39" s="13">
        <v>7</v>
      </c>
      <c r="G39" s="20">
        <v>-49</v>
      </c>
      <c r="H39" s="21">
        <v>0.6</v>
      </c>
      <c r="I39" s="22">
        <v>-1.6</v>
      </c>
    </row>
    <row r="40" spans="1:9" s="19" customFormat="1" ht="15" customHeight="1" x14ac:dyDescent="0.2">
      <c r="A40" s="10" t="s">
        <v>46</v>
      </c>
      <c r="B40" s="13">
        <v>5446</v>
      </c>
      <c r="C40" s="14">
        <v>12279</v>
      </c>
      <c r="D40" s="13">
        <v>5452</v>
      </c>
      <c r="E40" s="14">
        <v>12398</v>
      </c>
      <c r="F40" s="13">
        <v>-6</v>
      </c>
      <c r="G40" s="20">
        <v>-119</v>
      </c>
      <c r="H40" s="21">
        <v>-0.1</v>
      </c>
      <c r="I40" s="22">
        <v>-1</v>
      </c>
    </row>
    <row r="41" spans="1:9" s="19" customFormat="1" ht="15" customHeight="1" x14ac:dyDescent="0.2">
      <c r="A41" s="10" t="s">
        <v>47</v>
      </c>
      <c r="B41" s="13">
        <v>1754</v>
      </c>
      <c r="C41" s="14">
        <v>4004</v>
      </c>
      <c r="D41" s="13">
        <v>1726</v>
      </c>
      <c r="E41" s="14">
        <v>4046</v>
      </c>
      <c r="F41" s="13">
        <v>28</v>
      </c>
      <c r="G41" s="20">
        <v>-42</v>
      </c>
      <c r="H41" s="21">
        <v>1.6</v>
      </c>
      <c r="I41" s="22">
        <v>-1</v>
      </c>
    </row>
    <row r="42" spans="1:9" s="19" customFormat="1" ht="15" customHeight="1" x14ac:dyDescent="0.2">
      <c r="A42" s="10" t="s">
        <v>48</v>
      </c>
      <c r="B42" s="13">
        <v>643</v>
      </c>
      <c r="C42" s="14">
        <v>1631</v>
      </c>
      <c r="D42" s="13">
        <v>637</v>
      </c>
      <c r="E42" s="14">
        <v>1630</v>
      </c>
      <c r="F42" s="13">
        <v>6</v>
      </c>
      <c r="G42" s="20">
        <v>1</v>
      </c>
      <c r="H42" s="21">
        <v>0.9</v>
      </c>
      <c r="I42" s="22">
        <v>0.1</v>
      </c>
    </row>
    <row r="43" spans="1:9" s="19" customFormat="1" ht="15" customHeight="1" x14ac:dyDescent="0.2">
      <c r="A43" s="10" t="s">
        <v>49</v>
      </c>
      <c r="B43" s="13">
        <v>942</v>
      </c>
      <c r="C43" s="14">
        <v>1657</v>
      </c>
      <c r="D43" s="13">
        <v>953</v>
      </c>
      <c r="E43" s="14">
        <v>1682</v>
      </c>
      <c r="F43" s="13">
        <v>-11</v>
      </c>
      <c r="G43" s="20">
        <v>-25</v>
      </c>
      <c r="H43" s="21">
        <v>-1.2</v>
      </c>
      <c r="I43" s="22">
        <v>-1.5</v>
      </c>
    </row>
    <row r="44" spans="1:9" s="19" customFormat="1" ht="15" customHeight="1" x14ac:dyDescent="0.2">
      <c r="A44" s="10" t="s">
        <v>50</v>
      </c>
      <c r="B44" s="13">
        <v>1372</v>
      </c>
      <c r="C44" s="14">
        <v>3308</v>
      </c>
      <c r="D44" s="13">
        <v>1338</v>
      </c>
      <c r="E44" s="14">
        <v>3299</v>
      </c>
      <c r="F44" s="13">
        <v>34</v>
      </c>
      <c r="G44" s="20">
        <v>9</v>
      </c>
      <c r="H44" s="21">
        <v>2.5</v>
      </c>
      <c r="I44" s="22">
        <v>0.3</v>
      </c>
    </row>
    <row r="45" spans="1:9" s="19" customFormat="1" ht="15" customHeight="1" x14ac:dyDescent="0.2">
      <c r="A45" s="10" t="s">
        <v>51</v>
      </c>
      <c r="B45" s="13">
        <v>388</v>
      </c>
      <c r="C45" s="14">
        <v>984</v>
      </c>
      <c r="D45" s="13">
        <v>403</v>
      </c>
      <c r="E45" s="14">
        <v>1012</v>
      </c>
      <c r="F45" s="13">
        <v>-15</v>
      </c>
      <c r="G45" s="20">
        <v>-28</v>
      </c>
      <c r="H45" s="21">
        <v>-3.7</v>
      </c>
      <c r="I45" s="22">
        <v>-2.8</v>
      </c>
    </row>
    <row r="46" spans="1:9" s="19" customFormat="1" ht="15" customHeight="1" x14ac:dyDescent="0.2">
      <c r="A46" s="10" t="s">
        <v>52</v>
      </c>
      <c r="B46" s="13">
        <v>1581</v>
      </c>
      <c r="C46" s="14">
        <v>3374</v>
      </c>
      <c r="D46" s="13">
        <v>1590</v>
      </c>
      <c r="E46" s="14">
        <v>3473</v>
      </c>
      <c r="F46" s="13">
        <v>-9</v>
      </c>
      <c r="G46" s="20">
        <v>-99</v>
      </c>
      <c r="H46" s="21">
        <v>-0.6</v>
      </c>
      <c r="I46" s="22">
        <v>-2.9</v>
      </c>
    </row>
    <row r="47" spans="1:9" s="19" customFormat="1" ht="15" customHeight="1" x14ac:dyDescent="0.2">
      <c r="A47" s="10" t="s">
        <v>53</v>
      </c>
      <c r="B47" s="13">
        <v>1727</v>
      </c>
      <c r="C47" s="14">
        <v>3847</v>
      </c>
      <c r="D47" s="13">
        <v>1708</v>
      </c>
      <c r="E47" s="14">
        <v>3864</v>
      </c>
      <c r="F47" s="13">
        <v>19</v>
      </c>
      <c r="G47" s="20">
        <v>-17</v>
      </c>
      <c r="H47" s="21">
        <v>1.1000000000000001</v>
      </c>
      <c r="I47" s="22">
        <v>-0.4</v>
      </c>
    </row>
    <row r="48" spans="1:9" s="19" customFormat="1" ht="15" customHeight="1" x14ac:dyDescent="0.2">
      <c r="A48" s="10" t="s">
        <v>54</v>
      </c>
      <c r="B48" s="13">
        <v>797</v>
      </c>
      <c r="C48" s="14">
        <v>1830</v>
      </c>
      <c r="D48" s="13">
        <v>799</v>
      </c>
      <c r="E48" s="14">
        <v>1852</v>
      </c>
      <c r="F48" s="13">
        <v>-2</v>
      </c>
      <c r="G48" s="20">
        <v>-22</v>
      </c>
      <c r="H48" s="21">
        <v>-0.3</v>
      </c>
      <c r="I48" s="22">
        <v>-1.2</v>
      </c>
    </row>
    <row r="49" spans="1:9" s="19" customFormat="1" ht="15" customHeight="1" x14ac:dyDescent="0.2">
      <c r="A49" s="10" t="s">
        <v>55</v>
      </c>
      <c r="B49" s="13">
        <v>1687</v>
      </c>
      <c r="C49" s="14">
        <v>3825</v>
      </c>
      <c r="D49" s="13">
        <v>1664</v>
      </c>
      <c r="E49" s="14">
        <v>3860</v>
      </c>
      <c r="F49" s="13">
        <v>23</v>
      </c>
      <c r="G49" s="20">
        <v>-35</v>
      </c>
      <c r="H49" s="21">
        <v>1.4</v>
      </c>
      <c r="I49" s="22">
        <v>-0.9</v>
      </c>
    </row>
    <row r="50" spans="1:9" s="19" customFormat="1" ht="15" customHeight="1" x14ac:dyDescent="0.2">
      <c r="A50" s="10" t="s">
        <v>56</v>
      </c>
      <c r="B50" s="13">
        <v>606</v>
      </c>
      <c r="C50" s="14">
        <v>1629</v>
      </c>
      <c r="D50" s="13">
        <v>604</v>
      </c>
      <c r="E50" s="14">
        <v>1657</v>
      </c>
      <c r="F50" s="13">
        <v>2</v>
      </c>
      <c r="G50" s="23">
        <v>-28</v>
      </c>
      <c r="H50" s="21">
        <v>0.3</v>
      </c>
      <c r="I50" s="22">
        <v>-1.7</v>
      </c>
    </row>
    <row r="51" spans="1:9" s="19" customFormat="1" x14ac:dyDescent="0.2">
      <c r="A51" s="24" t="s">
        <v>57</v>
      </c>
      <c r="B51" s="25">
        <v>4335</v>
      </c>
      <c r="C51" s="26">
        <v>8958</v>
      </c>
      <c r="D51" s="25">
        <v>4274</v>
      </c>
      <c r="E51" s="27">
        <v>8963</v>
      </c>
      <c r="F51" s="25">
        <v>61</v>
      </c>
      <c r="G51" s="28">
        <v>-5</v>
      </c>
      <c r="H51" s="29">
        <v>1.4</v>
      </c>
      <c r="I51" s="30">
        <v>-0.1</v>
      </c>
    </row>
    <row r="52" spans="1:9" s="19" customFormat="1" x14ac:dyDescent="0.2">
      <c r="A52" s="31" t="s">
        <v>58</v>
      </c>
      <c r="B52" s="32">
        <v>5858</v>
      </c>
      <c r="C52" s="33">
        <v>12631</v>
      </c>
      <c r="D52" s="32">
        <v>5730</v>
      </c>
      <c r="E52" s="33">
        <v>12603</v>
      </c>
      <c r="F52" s="25">
        <v>128</v>
      </c>
      <c r="G52" s="28">
        <v>28</v>
      </c>
      <c r="H52" s="29">
        <v>2.2000000000000002</v>
      </c>
      <c r="I52" s="30">
        <v>0.2</v>
      </c>
    </row>
    <row r="53" spans="1:9" s="19" customFormat="1" x14ac:dyDescent="0.2">
      <c r="A53" s="34" t="s">
        <v>59</v>
      </c>
      <c r="B53" s="35">
        <v>146427</v>
      </c>
      <c r="C53" s="36">
        <v>316959</v>
      </c>
      <c r="D53" s="35">
        <v>145157</v>
      </c>
      <c r="E53" s="36">
        <v>318441</v>
      </c>
      <c r="F53" s="35">
        <v>1270</v>
      </c>
      <c r="G53" s="36">
        <v>-1482</v>
      </c>
      <c r="H53" s="37">
        <v>0.9</v>
      </c>
      <c r="I53" s="38">
        <v>-0.5</v>
      </c>
    </row>
    <row r="54" spans="1:9" s="19" customFormat="1" x14ac:dyDescent="0.2">
      <c r="A54" s="39" t="s">
        <v>60</v>
      </c>
      <c r="B54" s="13">
        <v>133</v>
      </c>
      <c r="C54" s="40">
        <v>299</v>
      </c>
      <c r="D54" s="15">
        <v>131</v>
      </c>
      <c r="E54" s="41">
        <v>309</v>
      </c>
      <c r="F54" s="15">
        <v>2</v>
      </c>
      <c r="G54" s="42">
        <v>-10</v>
      </c>
      <c r="H54" s="17">
        <v>1.5</v>
      </c>
      <c r="I54" s="18">
        <v>-3.2</v>
      </c>
    </row>
    <row r="55" spans="1:9" s="19" customFormat="1" x14ac:dyDescent="0.2">
      <c r="A55" s="10" t="s">
        <v>61</v>
      </c>
      <c r="B55" s="13">
        <v>108</v>
      </c>
      <c r="C55" s="40">
        <v>248</v>
      </c>
      <c r="D55" s="13">
        <v>114</v>
      </c>
      <c r="E55" s="43">
        <v>262</v>
      </c>
      <c r="F55" s="13">
        <v>-6</v>
      </c>
      <c r="G55" s="23">
        <v>-14</v>
      </c>
      <c r="H55" s="21">
        <v>-5.3</v>
      </c>
      <c r="I55" s="22">
        <v>-5.3</v>
      </c>
    </row>
    <row r="56" spans="1:9" s="19" customFormat="1" x14ac:dyDescent="0.2">
      <c r="A56" s="10" t="s">
        <v>62</v>
      </c>
      <c r="B56" s="13">
        <v>1013</v>
      </c>
      <c r="C56" s="40">
        <v>1984</v>
      </c>
      <c r="D56" s="13">
        <v>1016</v>
      </c>
      <c r="E56" s="43">
        <v>2023</v>
      </c>
      <c r="F56" s="13">
        <v>-3</v>
      </c>
      <c r="G56" s="23">
        <v>-39</v>
      </c>
      <c r="H56" s="21">
        <v>-0.3</v>
      </c>
      <c r="I56" s="22">
        <v>-1.9</v>
      </c>
    </row>
    <row r="57" spans="1:9" s="19" customFormat="1" x14ac:dyDescent="0.2">
      <c r="A57" s="10" t="s">
        <v>63</v>
      </c>
      <c r="B57" s="13">
        <v>4757</v>
      </c>
      <c r="C57" s="40">
        <v>11102</v>
      </c>
      <c r="D57" s="13">
        <v>4753</v>
      </c>
      <c r="E57" s="43">
        <v>11224</v>
      </c>
      <c r="F57" s="13">
        <v>4</v>
      </c>
      <c r="G57" s="23">
        <v>-122</v>
      </c>
      <c r="H57" s="21">
        <v>0.1</v>
      </c>
      <c r="I57" s="22">
        <v>-1.1000000000000001</v>
      </c>
    </row>
    <row r="58" spans="1:9" s="19" customFormat="1" x14ac:dyDescent="0.2">
      <c r="A58" s="24" t="s">
        <v>64</v>
      </c>
      <c r="B58" s="13">
        <v>3056</v>
      </c>
      <c r="C58" s="40">
        <v>7720</v>
      </c>
      <c r="D58" s="25">
        <v>3032</v>
      </c>
      <c r="E58" s="27">
        <v>7711</v>
      </c>
      <c r="F58" s="25">
        <v>24</v>
      </c>
      <c r="G58" s="28">
        <v>9</v>
      </c>
      <c r="H58" s="29">
        <v>0.8</v>
      </c>
      <c r="I58" s="30">
        <v>0.1</v>
      </c>
    </row>
    <row r="59" spans="1:9" s="19" customFormat="1" x14ac:dyDescent="0.2">
      <c r="A59" s="34" t="s">
        <v>65</v>
      </c>
      <c r="B59" s="35">
        <v>9067</v>
      </c>
      <c r="C59" s="36">
        <v>21353</v>
      </c>
      <c r="D59" s="35">
        <v>9046</v>
      </c>
      <c r="E59" s="36">
        <v>21529</v>
      </c>
      <c r="F59" s="35">
        <v>21</v>
      </c>
      <c r="G59" s="36">
        <v>-176</v>
      </c>
      <c r="H59" s="37">
        <v>0.2</v>
      </c>
      <c r="I59" s="38">
        <v>-0.8</v>
      </c>
    </row>
    <row r="60" spans="1:9" s="19" customFormat="1" x14ac:dyDescent="0.2">
      <c r="A60" s="39" t="s">
        <v>66</v>
      </c>
      <c r="B60" s="11">
        <v>1126</v>
      </c>
      <c r="C60" s="44">
        <v>2570</v>
      </c>
      <c r="D60" s="15">
        <v>1142</v>
      </c>
      <c r="E60" s="41">
        <v>2655</v>
      </c>
      <c r="F60" s="15">
        <v>-16</v>
      </c>
      <c r="G60" s="42">
        <v>-85</v>
      </c>
      <c r="H60" s="17">
        <v>-1.4</v>
      </c>
      <c r="I60" s="18">
        <v>-3.2</v>
      </c>
    </row>
    <row r="61" spans="1:9" s="19" customFormat="1" x14ac:dyDescent="0.2">
      <c r="A61" s="10" t="s">
        <v>67</v>
      </c>
      <c r="B61" s="13">
        <v>371</v>
      </c>
      <c r="C61" s="43">
        <v>804</v>
      </c>
      <c r="D61" s="13">
        <v>372</v>
      </c>
      <c r="E61" s="43">
        <v>824</v>
      </c>
      <c r="F61" s="13">
        <v>-1</v>
      </c>
      <c r="G61" s="23">
        <v>-20</v>
      </c>
      <c r="H61" s="21">
        <v>-0.3</v>
      </c>
      <c r="I61" s="22">
        <v>-2.4</v>
      </c>
    </row>
    <row r="62" spans="1:9" s="19" customFormat="1" x14ac:dyDescent="0.2">
      <c r="A62" s="10" t="s">
        <v>68</v>
      </c>
      <c r="B62" s="13">
        <v>1878</v>
      </c>
      <c r="C62" s="43">
        <v>4854</v>
      </c>
      <c r="D62" s="13">
        <v>1868</v>
      </c>
      <c r="E62" s="43">
        <v>4917</v>
      </c>
      <c r="F62" s="13">
        <v>10</v>
      </c>
      <c r="G62" s="23">
        <v>-63</v>
      </c>
      <c r="H62" s="21">
        <v>0.5</v>
      </c>
      <c r="I62" s="22">
        <v>-1.3</v>
      </c>
    </row>
    <row r="63" spans="1:9" s="19" customFormat="1" x14ac:dyDescent="0.2">
      <c r="A63" s="24" t="s">
        <v>69</v>
      </c>
      <c r="B63" s="32">
        <v>347</v>
      </c>
      <c r="C63" s="45">
        <v>820</v>
      </c>
      <c r="D63" s="25">
        <v>354</v>
      </c>
      <c r="E63" s="27">
        <v>844</v>
      </c>
      <c r="F63" s="25">
        <v>-7</v>
      </c>
      <c r="G63" s="28">
        <v>-24</v>
      </c>
      <c r="H63" s="29">
        <v>-2</v>
      </c>
      <c r="I63" s="30">
        <v>-2.8</v>
      </c>
    </row>
    <row r="64" spans="1:9" s="19" customFormat="1" x14ac:dyDescent="0.2">
      <c r="A64" s="34" t="s">
        <v>70</v>
      </c>
      <c r="B64" s="35">
        <v>3722</v>
      </c>
      <c r="C64" s="36">
        <v>9048</v>
      </c>
      <c r="D64" s="35">
        <v>3736</v>
      </c>
      <c r="E64" s="36">
        <v>9240</v>
      </c>
      <c r="F64" s="35">
        <v>-14</v>
      </c>
      <c r="G64" s="36">
        <v>-192</v>
      </c>
      <c r="H64" s="37">
        <v>-0.4</v>
      </c>
      <c r="I64" s="38">
        <v>-2.1</v>
      </c>
    </row>
    <row r="65" spans="1:9" s="19" customFormat="1" x14ac:dyDescent="0.2">
      <c r="A65" s="39" t="s">
        <v>71</v>
      </c>
      <c r="B65" s="13">
        <v>847</v>
      </c>
      <c r="C65" s="40">
        <v>1946</v>
      </c>
      <c r="D65" s="15">
        <v>861</v>
      </c>
      <c r="E65" s="41">
        <v>2005</v>
      </c>
      <c r="F65" s="15">
        <v>-14</v>
      </c>
      <c r="G65" s="42">
        <v>-59</v>
      </c>
      <c r="H65" s="17">
        <v>-1.6</v>
      </c>
      <c r="I65" s="18">
        <v>-2.9</v>
      </c>
    </row>
    <row r="66" spans="1:9" s="19" customFormat="1" x14ac:dyDescent="0.2">
      <c r="A66" s="10" t="s">
        <v>72</v>
      </c>
      <c r="B66" s="13">
        <v>2924</v>
      </c>
      <c r="C66" s="40">
        <v>6887</v>
      </c>
      <c r="D66" s="13">
        <v>2887</v>
      </c>
      <c r="E66" s="43">
        <v>6949</v>
      </c>
      <c r="F66" s="13">
        <v>37</v>
      </c>
      <c r="G66" s="23">
        <v>-62</v>
      </c>
      <c r="H66" s="21">
        <v>1.3</v>
      </c>
      <c r="I66" s="22">
        <v>-0.9</v>
      </c>
    </row>
    <row r="67" spans="1:9" s="19" customFormat="1" x14ac:dyDescent="0.2">
      <c r="A67" s="10" t="s">
        <v>73</v>
      </c>
      <c r="B67" s="13">
        <v>2440</v>
      </c>
      <c r="C67" s="40">
        <v>6680</v>
      </c>
      <c r="D67" s="13">
        <v>2450</v>
      </c>
      <c r="E67" s="43">
        <v>6822</v>
      </c>
      <c r="F67" s="13">
        <v>-10</v>
      </c>
      <c r="G67" s="23">
        <v>-142</v>
      </c>
      <c r="H67" s="21">
        <v>-0.4</v>
      </c>
      <c r="I67" s="22">
        <v>-2.1</v>
      </c>
    </row>
    <row r="68" spans="1:9" s="19" customFormat="1" x14ac:dyDescent="0.2">
      <c r="A68" s="10" t="s">
        <v>74</v>
      </c>
      <c r="B68" s="13">
        <v>315</v>
      </c>
      <c r="C68" s="40">
        <v>759</v>
      </c>
      <c r="D68" s="13">
        <v>318</v>
      </c>
      <c r="E68" s="43">
        <v>779</v>
      </c>
      <c r="F68" s="13">
        <v>-3</v>
      </c>
      <c r="G68" s="23">
        <v>-20</v>
      </c>
      <c r="H68" s="21">
        <v>-0.9</v>
      </c>
      <c r="I68" s="22">
        <v>-2.6</v>
      </c>
    </row>
    <row r="69" spans="1:9" s="19" customFormat="1" x14ac:dyDescent="0.2">
      <c r="A69" s="10" t="s">
        <v>75</v>
      </c>
      <c r="B69" s="13">
        <v>154</v>
      </c>
      <c r="C69" s="40">
        <v>373</v>
      </c>
      <c r="D69" s="13">
        <v>155</v>
      </c>
      <c r="E69" s="43">
        <v>388</v>
      </c>
      <c r="F69" s="13">
        <v>-1</v>
      </c>
      <c r="G69" s="23">
        <v>-15</v>
      </c>
      <c r="H69" s="21">
        <v>-0.6</v>
      </c>
      <c r="I69" s="22">
        <v>-3.9</v>
      </c>
    </row>
    <row r="70" spans="1:9" s="19" customFormat="1" x14ac:dyDescent="0.2">
      <c r="A70" s="10" t="s">
        <v>76</v>
      </c>
      <c r="B70" s="13">
        <v>406</v>
      </c>
      <c r="C70" s="40">
        <v>1128</v>
      </c>
      <c r="D70" s="13">
        <v>412</v>
      </c>
      <c r="E70" s="43">
        <v>1163</v>
      </c>
      <c r="F70" s="13">
        <v>-6</v>
      </c>
      <c r="G70" s="23">
        <v>-35</v>
      </c>
      <c r="H70" s="21">
        <v>-1.5</v>
      </c>
      <c r="I70" s="22">
        <v>-3</v>
      </c>
    </row>
    <row r="71" spans="1:9" s="19" customFormat="1" x14ac:dyDescent="0.2">
      <c r="A71" s="10" t="s">
        <v>77</v>
      </c>
      <c r="B71" s="13">
        <v>336</v>
      </c>
      <c r="C71" s="40">
        <v>659</v>
      </c>
      <c r="D71" s="13">
        <v>337</v>
      </c>
      <c r="E71" s="43">
        <v>688</v>
      </c>
      <c r="F71" s="13">
        <v>-1</v>
      </c>
      <c r="G71" s="23">
        <v>-29</v>
      </c>
      <c r="H71" s="21">
        <v>-0.3</v>
      </c>
      <c r="I71" s="22">
        <v>-4.2</v>
      </c>
    </row>
    <row r="72" spans="1:9" s="19" customFormat="1" x14ac:dyDescent="0.2">
      <c r="A72" s="10" t="s">
        <v>78</v>
      </c>
      <c r="B72" s="13">
        <v>66</v>
      </c>
      <c r="C72" s="40">
        <v>138</v>
      </c>
      <c r="D72" s="13">
        <v>67</v>
      </c>
      <c r="E72" s="43">
        <v>146</v>
      </c>
      <c r="F72" s="13">
        <v>-1</v>
      </c>
      <c r="G72" s="23">
        <v>-8</v>
      </c>
      <c r="H72" s="21">
        <v>-1.5</v>
      </c>
      <c r="I72" s="22">
        <v>-5.5</v>
      </c>
    </row>
    <row r="73" spans="1:9" s="19" customFormat="1" x14ac:dyDescent="0.2">
      <c r="A73" s="24" t="s">
        <v>79</v>
      </c>
      <c r="B73" s="13">
        <v>35</v>
      </c>
      <c r="C73" s="40">
        <v>48</v>
      </c>
      <c r="D73" s="25">
        <v>34</v>
      </c>
      <c r="E73" s="27">
        <v>50</v>
      </c>
      <c r="F73" s="25">
        <v>1</v>
      </c>
      <c r="G73" s="28">
        <v>-2</v>
      </c>
      <c r="H73" s="29">
        <v>2.9</v>
      </c>
      <c r="I73" s="30">
        <v>-4</v>
      </c>
    </row>
    <row r="74" spans="1:9" s="19" customFormat="1" x14ac:dyDescent="0.2">
      <c r="A74" s="34" t="s">
        <v>80</v>
      </c>
      <c r="B74" s="35">
        <v>7523</v>
      </c>
      <c r="C74" s="36">
        <v>18618</v>
      </c>
      <c r="D74" s="35">
        <v>7521</v>
      </c>
      <c r="E74" s="36">
        <v>18990</v>
      </c>
      <c r="F74" s="35">
        <v>2</v>
      </c>
      <c r="G74" s="36">
        <v>-372</v>
      </c>
      <c r="H74" s="37">
        <v>0</v>
      </c>
      <c r="I74" s="38">
        <v>-2</v>
      </c>
    </row>
    <row r="75" spans="1:9" s="19" customFormat="1" x14ac:dyDescent="0.2">
      <c r="A75" s="39" t="s">
        <v>81</v>
      </c>
      <c r="B75" s="13">
        <v>4842</v>
      </c>
      <c r="C75" s="40">
        <v>11982</v>
      </c>
      <c r="D75" s="15">
        <v>4763</v>
      </c>
      <c r="E75" s="41">
        <v>12006</v>
      </c>
      <c r="F75" s="15">
        <v>79</v>
      </c>
      <c r="G75" s="42">
        <v>-24</v>
      </c>
      <c r="H75" s="17">
        <v>1.7</v>
      </c>
      <c r="I75" s="18">
        <v>-0.2</v>
      </c>
    </row>
    <row r="76" spans="1:9" s="19" customFormat="1" x14ac:dyDescent="0.2">
      <c r="A76" s="10" t="s">
        <v>82</v>
      </c>
      <c r="B76" s="13">
        <v>4776</v>
      </c>
      <c r="C76" s="40">
        <v>11872</v>
      </c>
      <c r="D76" s="13">
        <v>4699</v>
      </c>
      <c r="E76" s="43">
        <v>11911</v>
      </c>
      <c r="F76" s="13">
        <v>77</v>
      </c>
      <c r="G76" s="23">
        <v>-39</v>
      </c>
      <c r="H76" s="21">
        <v>1.6</v>
      </c>
      <c r="I76" s="22">
        <v>-0.3</v>
      </c>
    </row>
    <row r="77" spans="1:9" s="19" customFormat="1" x14ac:dyDescent="0.2">
      <c r="A77" s="10" t="s">
        <v>83</v>
      </c>
      <c r="B77" s="13">
        <v>506</v>
      </c>
      <c r="C77" s="40">
        <v>1415</v>
      </c>
      <c r="D77" s="13">
        <v>502</v>
      </c>
      <c r="E77" s="43">
        <v>1420</v>
      </c>
      <c r="F77" s="13">
        <v>4</v>
      </c>
      <c r="G77" s="23">
        <v>-5</v>
      </c>
      <c r="H77" s="21">
        <v>0.8</v>
      </c>
      <c r="I77" s="22">
        <v>-0.4</v>
      </c>
    </row>
    <row r="78" spans="1:9" s="19" customFormat="1" x14ac:dyDescent="0.2">
      <c r="A78" s="10" t="s">
        <v>84</v>
      </c>
      <c r="B78" s="13">
        <v>816</v>
      </c>
      <c r="C78" s="40">
        <v>2243</v>
      </c>
      <c r="D78" s="13">
        <v>815</v>
      </c>
      <c r="E78" s="43">
        <v>2249</v>
      </c>
      <c r="F78" s="13">
        <v>1</v>
      </c>
      <c r="G78" s="23">
        <v>-6</v>
      </c>
      <c r="H78" s="21">
        <v>0.1</v>
      </c>
      <c r="I78" s="22">
        <v>-0.3</v>
      </c>
    </row>
    <row r="79" spans="1:9" s="19" customFormat="1" x14ac:dyDescent="0.2">
      <c r="A79" s="10" t="s">
        <v>85</v>
      </c>
      <c r="B79" s="13">
        <v>1429</v>
      </c>
      <c r="C79" s="40">
        <v>3657</v>
      </c>
      <c r="D79" s="13">
        <v>1391</v>
      </c>
      <c r="E79" s="43">
        <v>3623</v>
      </c>
      <c r="F79" s="13">
        <v>38</v>
      </c>
      <c r="G79" s="23">
        <v>34</v>
      </c>
      <c r="H79" s="21">
        <v>2.7</v>
      </c>
      <c r="I79" s="22">
        <v>0.9</v>
      </c>
    </row>
    <row r="80" spans="1:9" s="19" customFormat="1" x14ac:dyDescent="0.2">
      <c r="A80" s="10" t="s">
        <v>86</v>
      </c>
      <c r="B80" s="13">
        <v>1571</v>
      </c>
      <c r="C80" s="40">
        <v>3802</v>
      </c>
      <c r="D80" s="13">
        <v>1545</v>
      </c>
      <c r="E80" s="43">
        <v>3831</v>
      </c>
      <c r="F80" s="13">
        <v>26</v>
      </c>
      <c r="G80" s="23">
        <v>-29</v>
      </c>
      <c r="H80" s="21">
        <v>1.7</v>
      </c>
      <c r="I80" s="22">
        <v>-0.8</v>
      </c>
    </row>
    <row r="81" spans="1:9" s="19" customFormat="1" x14ac:dyDescent="0.2">
      <c r="A81" s="10" t="s">
        <v>87</v>
      </c>
      <c r="B81" s="13">
        <v>488</v>
      </c>
      <c r="C81" s="40">
        <v>1279</v>
      </c>
      <c r="D81" s="13">
        <v>491</v>
      </c>
      <c r="E81" s="43">
        <v>1316</v>
      </c>
      <c r="F81" s="13">
        <v>-3</v>
      </c>
      <c r="G81" s="23">
        <v>-37</v>
      </c>
      <c r="H81" s="21">
        <v>-0.6</v>
      </c>
      <c r="I81" s="22">
        <v>-2.8</v>
      </c>
    </row>
    <row r="82" spans="1:9" s="19" customFormat="1" x14ac:dyDescent="0.2">
      <c r="A82" s="24" t="s">
        <v>88</v>
      </c>
      <c r="B82" s="13">
        <v>1760</v>
      </c>
      <c r="C82" s="40">
        <v>4881</v>
      </c>
      <c r="D82" s="25">
        <v>1721</v>
      </c>
      <c r="E82" s="27">
        <v>4840</v>
      </c>
      <c r="F82" s="25">
        <v>39</v>
      </c>
      <c r="G82" s="28">
        <v>41</v>
      </c>
      <c r="H82" s="29">
        <v>2.2999999999999998</v>
      </c>
      <c r="I82" s="30">
        <v>0.8</v>
      </c>
    </row>
    <row r="83" spans="1:9" s="19" customFormat="1" x14ac:dyDescent="0.2">
      <c r="A83" s="34" t="s">
        <v>89</v>
      </c>
      <c r="B83" s="35">
        <v>16188</v>
      </c>
      <c r="C83" s="36">
        <v>41131</v>
      </c>
      <c r="D83" s="35">
        <v>15927</v>
      </c>
      <c r="E83" s="36">
        <v>41196</v>
      </c>
      <c r="F83" s="35">
        <v>261</v>
      </c>
      <c r="G83" s="36">
        <v>-65</v>
      </c>
      <c r="H83" s="37">
        <v>1.6</v>
      </c>
      <c r="I83" s="38">
        <v>-0.2</v>
      </c>
    </row>
    <row r="84" spans="1:9" s="19" customFormat="1" x14ac:dyDescent="0.2">
      <c r="A84" s="39" t="s">
        <v>90</v>
      </c>
      <c r="B84" s="13">
        <v>4</v>
      </c>
      <c r="C84" s="40">
        <v>10</v>
      </c>
      <c r="D84" s="15">
        <v>4</v>
      </c>
      <c r="E84" s="41">
        <v>11</v>
      </c>
      <c r="F84" s="15">
        <v>0</v>
      </c>
      <c r="G84" s="42">
        <v>-1</v>
      </c>
      <c r="H84" s="17">
        <v>0</v>
      </c>
      <c r="I84" s="18">
        <v>-9.1</v>
      </c>
    </row>
    <row r="85" spans="1:9" s="19" customFormat="1" x14ac:dyDescent="0.2">
      <c r="A85" s="10" t="s">
        <v>91</v>
      </c>
      <c r="B85" s="13">
        <v>316</v>
      </c>
      <c r="C85" s="40">
        <v>853</v>
      </c>
      <c r="D85" s="13">
        <v>316</v>
      </c>
      <c r="E85" s="43">
        <v>894</v>
      </c>
      <c r="F85" s="13">
        <v>0</v>
      </c>
      <c r="G85" s="23">
        <v>-41</v>
      </c>
      <c r="H85" s="21">
        <v>0</v>
      </c>
      <c r="I85" s="22">
        <v>-4.5999999999999996</v>
      </c>
    </row>
    <row r="86" spans="1:9" s="19" customFormat="1" x14ac:dyDescent="0.2">
      <c r="A86" s="10" t="s">
        <v>92</v>
      </c>
      <c r="B86" s="13">
        <v>61</v>
      </c>
      <c r="C86" s="40">
        <v>160</v>
      </c>
      <c r="D86" s="13">
        <v>59</v>
      </c>
      <c r="E86" s="43">
        <v>165</v>
      </c>
      <c r="F86" s="13">
        <v>2</v>
      </c>
      <c r="G86" s="23">
        <v>-5</v>
      </c>
      <c r="H86" s="21">
        <v>3.4</v>
      </c>
      <c r="I86" s="22">
        <v>-3</v>
      </c>
    </row>
    <row r="87" spans="1:9" s="19" customFormat="1" x14ac:dyDescent="0.2">
      <c r="A87" s="24" t="s">
        <v>93</v>
      </c>
      <c r="B87" s="13">
        <v>124</v>
      </c>
      <c r="C87" s="40">
        <v>267</v>
      </c>
      <c r="D87" s="25">
        <v>125</v>
      </c>
      <c r="E87" s="27">
        <v>276</v>
      </c>
      <c r="F87" s="25">
        <v>-1</v>
      </c>
      <c r="G87" s="28">
        <v>-9</v>
      </c>
      <c r="H87" s="29">
        <v>-0.8</v>
      </c>
      <c r="I87" s="30">
        <v>-3.3</v>
      </c>
    </row>
    <row r="88" spans="1:9" s="19" customFormat="1" x14ac:dyDescent="0.2">
      <c r="A88" s="34" t="s">
        <v>94</v>
      </c>
      <c r="B88" s="35">
        <v>505</v>
      </c>
      <c r="C88" s="36">
        <v>1290</v>
      </c>
      <c r="D88" s="35">
        <v>504</v>
      </c>
      <c r="E88" s="36">
        <v>1346</v>
      </c>
      <c r="F88" s="35">
        <v>1</v>
      </c>
      <c r="G88" s="36">
        <v>-56</v>
      </c>
      <c r="H88" s="37">
        <v>0.2</v>
      </c>
      <c r="I88" s="38">
        <v>-4.2</v>
      </c>
    </row>
    <row r="89" spans="1:9" s="19" customFormat="1" x14ac:dyDescent="0.2">
      <c r="A89" s="39" t="s">
        <v>95</v>
      </c>
      <c r="B89" s="13">
        <v>389</v>
      </c>
      <c r="C89" s="40">
        <v>924</v>
      </c>
      <c r="D89" s="15">
        <v>389</v>
      </c>
      <c r="E89" s="41">
        <v>948</v>
      </c>
      <c r="F89" s="15">
        <v>0</v>
      </c>
      <c r="G89" s="42">
        <v>-24</v>
      </c>
      <c r="H89" s="17">
        <v>0</v>
      </c>
      <c r="I89" s="18">
        <v>-2.5</v>
      </c>
    </row>
    <row r="90" spans="1:9" s="19" customFormat="1" x14ac:dyDescent="0.2">
      <c r="A90" s="24" t="s">
        <v>96</v>
      </c>
      <c r="B90" s="13">
        <v>116</v>
      </c>
      <c r="C90" s="40">
        <v>257</v>
      </c>
      <c r="D90" s="25">
        <v>119</v>
      </c>
      <c r="E90" s="27">
        <v>266</v>
      </c>
      <c r="F90" s="25">
        <v>-3</v>
      </c>
      <c r="G90" s="28">
        <v>-9</v>
      </c>
      <c r="H90" s="29">
        <v>-2.5</v>
      </c>
      <c r="I90" s="30">
        <v>-3.4</v>
      </c>
    </row>
    <row r="91" spans="1:9" s="19" customFormat="1" x14ac:dyDescent="0.2">
      <c r="A91" s="34" t="s">
        <v>97</v>
      </c>
      <c r="B91" s="35">
        <v>505</v>
      </c>
      <c r="C91" s="36">
        <v>1181</v>
      </c>
      <c r="D91" s="35">
        <v>508</v>
      </c>
      <c r="E91" s="36">
        <v>1214</v>
      </c>
      <c r="F91" s="35">
        <v>-3</v>
      </c>
      <c r="G91" s="36">
        <v>-33</v>
      </c>
      <c r="H91" s="37">
        <v>-0.6</v>
      </c>
      <c r="I91" s="38">
        <v>-2.7</v>
      </c>
    </row>
    <row r="92" spans="1:9" s="19" customFormat="1" ht="21.75" customHeight="1" thickBot="1" x14ac:dyDescent="0.25">
      <c r="A92" s="46" t="s">
        <v>98</v>
      </c>
      <c r="B92" s="47">
        <v>183937</v>
      </c>
      <c r="C92" s="48">
        <v>409580</v>
      </c>
      <c r="D92" s="47">
        <v>182399</v>
      </c>
      <c r="E92" s="48">
        <v>411956</v>
      </c>
      <c r="F92" s="47">
        <v>1538</v>
      </c>
      <c r="G92" s="48">
        <v>-2376</v>
      </c>
      <c r="H92" s="49">
        <v>0.8</v>
      </c>
      <c r="I92" s="50">
        <v>-0.6</v>
      </c>
    </row>
    <row r="93" spans="1:9" ht="13.8" thickTop="1" x14ac:dyDescent="0.2"/>
    <row r="94" spans="1:9" x14ac:dyDescent="0.2">
      <c r="A94" s="52"/>
    </row>
  </sheetData>
  <phoneticPr fontId="4"/>
  <pageMargins left="0.78740157480314965" right="0.31496062992125984" top="0.51181102362204722" bottom="0.86614173228346458" header="0.51181102362204722" footer="0.51181102362204722"/>
  <pageSetup paperSize="9" scale="92" firstPageNumber="15" fitToHeight="2" orientation="portrait" useFirstPageNumber="1" horizontalDpi="300" verticalDpi="300" r:id="rId1"/>
  <headerFooter alignWithMargins="0"/>
  <rowBreaks count="1" manualBreakCount="1">
    <brk id="53" max="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３．地区別人口・世帯集計表</vt:lpstr>
      <vt:lpstr>'３．地区別人口・世帯集計表'!Print_Area</vt:lpstr>
      <vt:lpstr>'３．地区別人口・世帯集計表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0-27T06:58:00Z</dcterms:created>
  <dcterms:modified xsi:type="dcterms:W3CDTF">2022-10-27T06:58:33Z</dcterms:modified>
</cp:coreProperties>
</file>